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30026"/>
  <workbookPr/>
  <mc:AlternateContent xmlns:mc="http://schemas.openxmlformats.org/markup-compatibility/2006">
    <mc:Choice Requires="x15">
      <x15ac:absPath xmlns:x15ac="http://schemas.microsoft.com/office/spreadsheetml/2010/11/ac" url="https://tgf-my.sharepoint.com/personal/ousmane_bocoum_theglobalfund_org/Documents/Desktop/"/>
    </mc:Choice>
  </mc:AlternateContent>
  <xr:revisionPtr revIDLastSave="13" documentId="8_{AA609D02-3D09-4C4D-A673-9CC12B590B62}" xr6:coauthVersionLast="47" xr6:coauthVersionMax="47" xr10:uidLastSave="{A8507D38-2279-4F57-9CDE-1B0934A73ECA}"/>
  <bookViews>
    <workbookView xWindow="-30828" yWindow="-108" windowWidth="30936" windowHeight="16776" xr2:uid="{D06E992B-E3B2-40AA-925F-16146D5A88CD}"/>
  </bookViews>
  <sheets>
    <sheet name="Sheet1" sheetId="1" r:id="rId1"/>
  </sheets>
  <definedNames>
    <definedName name="_xlnm._FilterDatabase" localSheetId="0" hidden="1">Sheet1!$A$11:$D$80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84" uniqueCount="92">
  <si>
    <t>List of Cost Inputs &amp; Investment Landscape</t>
  </si>
  <si>
    <t xml:space="preserve">Date: </t>
  </si>
  <si>
    <t>COSTING DIMENSION</t>
  </si>
  <si>
    <t>Cost grouping</t>
  </si>
  <si>
    <t>Cost Input Name</t>
  </si>
  <si>
    <t>Investment Landscape - Level 1</t>
  </si>
  <si>
    <t>Investment Landscape - Level 2</t>
  </si>
  <si>
    <t>1.0 Human Resources (HR)</t>
  </si>
  <si>
    <t>1.1 Salaries - program management</t>
  </si>
  <si>
    <t>1.5 Severance/Gratuity/End-of-Contract payments</t>
  </si>
  <si>
    <t>1.6 Salaries - community-based, including Community Health Workers (CHWs) and outreach workers</t>
  </si>
  <si>
    <t>1.7 Salaries - facility-based, including medical staff and other service providers</t>
  </si>
  <si>
    <t>2.0 Travel related costs (TRC)</t>
  </si>
  <si>
    <t>2.1 Training related per diems/transport/other costs</t>
  </si>
  <si>
    <t>2.2 Technical Assistance related per diems/transport/other costs</t>
  </si>
  <si>
    <t>2.3 Supervision related per diems/transport/other costs</t>
  </si>
  <si>
    <t>2.4 Meeting/Advocacy related per diems/transport/other costs</t>
  </si>
  <si>
    <t>2.6 Data collection/data review meetings related per diems/transport/other costs</t>
  </si>
  <si>
    <t>3.0 External Professional services (EPS)</t>
  </si>
  <si>
    <t>3.1 Technical Assistance Fees/Consultants</t>
  </si>
  <si>
    <t>3.2 Fiscal/Fiduciary Agent fees</t>
  </si>
  <si>
    <t>3.3 External audit fees</t>
  </si>
  <si>
    <t>3.5 Insurance Related costs</t>
  </si>
  <si>
    <t>4.0 Health Products - Pharmaceutical Products (HPPP)</t>
  </si>
  <si>
    <t>4.1 Antiretroviral medicines</t>
  </si>
  <si>
    <t>4.2 Anti-tuberculosis medicines</t>
  </si>
  <si>
    <t>4.3 Antimalarial medicines</t>
  </si>
  <si>
    <t>4.11 Subsidies (Co-payments)</t>
  </si>
  <si>
    <t>4.12 Opportunistic infections, STI and Essential medicines</t>
  </si>
  <si>
    <t>5.0 Health Products - Non-Pharmaceuticals (HPNP)</t>
  </si>
  <si>
    <t>5.1 Insecticide-treated Nets (ITNs)</t>
  </si>
  <si>
    <t>5.5 Insecticides</t>
  </si>
  <si>
    <t>5.7 Syringes and needles</t>
  </si>
  <si>
    <t>5.11 Personal Protective Equipment</t>
  </si>
  <si>
    <t xml:space="preserve">5.14 Condoms </t>
  </si>
  <si>
    <t>5.15 HIV Rapid Diagnostic Tests</t>
  </si>
  <si>
    <t>5.16 TB Rapid Diagnostic Tests</t>
  </si>
  <si>
    <t>5.17 Malaria Rapid Diagnostic Tests</t>
  </si>
  <si>
    <t>5.18 Other Rapid Diagnostic Tests</t>
  </si>
  <si>
    <t>5.19 Molecular testing reagents and test kits</t>
  </si>
  <si>
    <t xml:space="preserve">5.21 Laboratory reagents and test kits </t>
  </si>
  <si>
    <t>5.22 Consumables</t>
  </si>
  <si>
    <t>6.0 Health Products - Equipment (HPE)</t>
  </si>
  <si>
    <t>6.5 Maintenance and service costs for health/lab equipment</t>
  </si>
  <si>
    <t>6.8 Equipment for Molecular testing (NAT)</t>
  </si>
  <si>
    <t>6.12 Health and Laboratory Equipment</t>
  </si>
  <si>
    <t>7.0 Procurement and Supply-Chain Management costs (PSM)</t>
  </si>
  <si>
    <t>7.1 Procurement agent and handling fees</t>
  </si>
  <si>
    <t>7.2 Freight and insurance costs</t>
  </si>
  <si>
    <t>7.3 Warehouse and Storage Costs</t>
  </si>
  <si>
    <t>7.4 in-country distribution costs</t>
  </si>
  <si>
    <t>7.5 Quality assurance and quality control costs (QA/QC)</t>
  </si>
  <si>
    <t>7.6 PSM Customs Clearance</t>
  </si>
  <si>
    <t>7.7 Other PSM costs</t>
  </si>
  <si>
    <t>8.0 Infrastructure (INF)</t>
  </si>
  <si>
    <t>8.2 Renovation/constructions</t>
  </si>
  <si>
    <t>8.3 Infrastructure maintenance and other INF costs</t>
  </si>
  <si>
    <t>9.0 Non-health equipment (NHP)</t>
  </si>
  <si>
    <t>9.1 IT - Computers, computer equipment, Software and applications</t>
  </si>
  <si>
    <t>9.2 Vehicles</t>
  </si>
  <si>
    <t>9.3 Other non-health equipment</t>
  </si>
  <si>
    <t>9.4 Maintenance and service costs non-health equipment</t>
  </si>
  <si>
    <t>10.0 Communication, information sessions &amp; materials</t>
  </si>
  <si>
    <t>11.0 Indirect and Overhead Costs</t>
  </si>
  <si>
    <t>11.1 Office related costs</t>
  </si>
  <si>
    <t>11.3 Indirect cost recovery (ICR) - % based</t>
  </si>
  <si>
    <t>12.0 Living support to client/ target population (LSCTP)</t>
  </si>
  <si>
    <t>12.2 Food and care packages</t>
  </si>
  <si>
    <t>12.3 Cash incentives/transfer to patients/beneficiaries/counsellors/mediators</t>
  </si>
  <si>
    <t>13.0 Results Based Financing</t>
  </si>
  <si>
    <t xml:space="preserve">13.1 Payment for Results </t>
  </si>
  <si>
    <t>13.2 Results Based Contracts</t>
  </si>
  <si>
    <t>13.3 Incentives for Principal Recipient and Sub-Recipient staff members</t>
  </si>
  <si>
    <t>13.5 Incentives- community-based, including Community Health Workers (CHW) and outreach workers</t>
  </si>
  <si>
    <t>13.6 Incentives - facility-based, including medical staff and other service providers</t>
  </si>
  <si>
    <t>Program Management Related Costs</t>
  </si>
  <si>
    <t>Human Resources including Fiscal Agents</t>
  </si>
  <si>
    <t>Program Activity Related Costs</t>
  </si>
  <si>
    <t>Human Resources for Health</t>
  </si>
  <si>
    <t>Program-Related Costs</t>
  </si>
  <si>
    <t>Capacity Building and Technical Assistance</t>
  </si>
  <si>
    <t>Indirect and Overhead Costs</t>
  </si>
  <si>
    <t>Health Products/Commodities/Equipment and PSM Related Costs</t>
  </si>
  <si>
    <t>Health Products/Commodities and PSM-Related Costs</t>
  </si>
  <si>
    <t>Health Equipment</t>
  </si>
  <si>
    <t>Infrastructure and Non-Health Equipment</t>
  </si>
  <si>
    <t>1.0 Human Resources  (HR)</t>
  </si>
  <si>
    <t>3.0 External professional services (EPS)</t>
  </si>
  <si>
    <t>5.0 Health Products  - Non-Pharmaceuticals (HPNP)</t>
  </si>
  <si>
    <t>9.0  Non-health equipment (NHP)</t>
  </si>
  <si>
    <r>
      <t xml:space="preserve">4.4 </t>
    </r>
    <r>
      <rPr>
        <sz val="11"/>
        <rFont val="Arial"/>
        <family val="2"/>
        <scheme val="minor"/>
      </rPr>
      <t>Medicines for Harm Reduction</t>
    </r>
  </si>
  <si>
    <t>INVESTMENT LANDSCAP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9" x14ac:knownFonts="1">
    <font>
      <sz val="11"/>
      <color theme="1"/>
      <name val="Arial"/>
      <family val="2"/>
      <scheme val="minor"/>
    </font>
    <font>
      <sz val="11"/>
      <color theme="1"/>
      <name val="Arial"/>
      <family val="2"/>
      <scheme val="minor"/>
    </font>
    <font>
      <b/>
      <sz val="11"/>
      <color theme="1"/>
      <name val="Arial"/>
      <family val="2"/>
      <scheme val="minor"/>
    </font>
    <font>
      <sz val="25"/>
      <color theme="1"/>
      <name val="Arial Black"/>
      <family val="2"/>
      <scheme val="major"/>
    </font>
    <font>
      <b/>
      <sz val="11"/>
      <color theme="1"/>
      <name val="Arial Black"/>
      <family val="2"/>
      <scheme val="major"/>
    </font>
    <font>
      <sz val="11"/>
      <color theme="0"/>
      <name val="Arial Black"/>
      <family val="2"/>
      <scheme val="major"/>
    </font>
    <font>
      <sz val="10"/>
      <name val="Arial"/>
      <family val="2"/>
    </font>
    <font>
      <sz val="11"/>
      <name val="Arial"/>
      <family val="2"/>
      <scheme val="minor"/>
    </font>
    <font>
      <b/>
      <sz val="11"/>
      <name val="Arial"/>
      <family val="2"/>
      <scheme val="minor"/>
    </font>
  </fonts>
  <fills count="4">
    <fill>
      <patternFill patternType="none"/>
    </fill>
    <fill>
      <patternFill patternType="gray125"/>
    </fill>
    <fill>
      <patternFill patternType="solid">
        <fgColor theme="5"/>
        <bgColor indexed="64"/>
      </patternFill>
    </fill>
    <fill>
      <patternFill patternType="solid">
        <fgColor rgb="FFDDEBF7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2">
    <xf numFmtId="0" fontId="0" fillId="0" borderId="0"/>
    <xf numFmtId="0" fontId="6" fillId="0" borderId="0"/>
  </cellStyleXfs>
  <cellXfs count="29">
    <xf numFmtId="0" fontId="0" fillId="0" borderId="0" xfId="0"/>
    <xf numFmtId="0" fontId="4" fillId="0" borderId="0" xfId="0" applyFont="1"/>
    <xf numFmtId="0" fontId="5" fillId="2" borderId="1" xfId="0" applyFont="1" applyFill="1" applyBorder="1"/>
    <xf numFmtId="0" fontId="7" fillId="0" borderId="1" xfId="0" applyFont="1" applyBorder="1"/>
    <xf numFmtId="0" fontId="7" fillId="0" borderId="1" xfId="0" applyFont="1" applyBorder="1" applyAlignment="1">
      <alignment wrapText="1"/>
    </xf>
    <xf numFmtId="0" fontId="7" fillId="3" borderId="1" xfId="0" applyFont="1" applyFill="1" applyBorder="1"/>
    <xf numFmtId="0" fontId="7" fillId="3" borderId="1" xfId="0" applyFont="1" applyFill="1" applyBorder="1" applyAlignment="1">
      <alignment wrapText="1"/>
    </xf>
    <xf numFmtId="0" fontId="2" fillId="0" borderId="1" xfId="0" applyFont="1" applyBorder="1"/>
    <xf numFmtId="0" fontId="1" fillId="0" borderId="1" xfId="0" applyFont="1" applyBorder="1"/>
    <xf numFmtId="0" fontId="8" fillId="0" borderId="1" xfId="1" applyFont="1" applyBorder="1" applyAlignment="1">
      <alignment vertical="center" wrapText="1"/>
    </xf>
    <xf numFmtId="0" fontId="2" fillId="0" borderId="1" xfId="1" applyFont="1" applyBorder="1" applyAlignment="1">
      <alignment vertical="center"/>
    </xf>
    <xf numFmtId="0" fontId="2" fillId="0" borderId="1" xfId="1" applyFont="1" applyBorder="1" applyAlignment="1">
      <alignment vertical="center" wrapText="1"/>
    </xf>
    <xf numFmtId="0" fontId="7" fillId="0" borderId="1" xfId="1" applyFont="1" applyBorder="1" applyAlignment="1">
      <alignment vertical="center" wrapText="1"/>
    </xf>
    <xf numFmtId="0" fontId="1" fillId="0" borderId="1" xfId="1" applyFont="1" applyBorder="1" applyAlignment="1">
      <alignment vertical="center" wrapText="1"/>
    </xf>
    <xf numFmtId="0" fontId="8" fillId="3" borderId="1" xfId="1" applyFont="1" applyFill="1" applyBorder="1" applyAlignment="1">
      <alignment vertical="center" wrapText="1"/>
    </xf>
    <xf numFmtId="0" fontId="2" fillId="3" borderId="1" xfId="1" applyFont="1" applyFill="1" applyBorder="1" applyAlignment="1">
      <alignment vertical="center"/>
    </xf>
    <xf numFmtId="0" fontId="2" fillId="3" borderId="1" xfId="1" applyFont="1" applyFill="1" applyBorder="1" applyAlignment="1">
      <alignment vertical="center" wrapText="1"/>
    </xf>
    <xf numFmtId="0" fontId="7" fillId="3" borderId="1" xfId="1" applyFont="1" applyFill="1" applyBorder="1" applyAlignment="1">
      <alignment vertical="center" wrapText="1"/>
    </xf>
    <xf numFmtId="0" fontId="8" fillId="0" borderId="1" xfId="1" applyFont="1" applyBorder="1" applyAlignment="1">
      <alignment vertical="center"/>
    </xf>
    <xf numFmtId="0" fontId="7" fillId="0" borderId="1" xfId="1" applyFont="1" applyBorder="1" applyAlignment="1">
      <alignment vertical="center"/>
    </xf>
    <xf numFmtId="0" fontId="1" fillId="0" borderId="1" xfId="1" applyFont="1" applyBorder="1" applyAlignment="1">
      <alignment vertical="center"/>
    </xf>
    <xf numFmtId="0" fontId="8" fillId="3" borderId="1" xfId="1" applyFont="1" applyFill="1" applyBorder="1" applyAlignment="1">
      <alignment vertical="center"/>
    </xf>
    <xf numFmtId="0" fontId="1" fillId="3" borderId="1" xfId="1" applyFont="1" applyFill="1" applyBorder="1" applyAlignment="1">
      <alignment vertical="center"/>
    </xf>
    <xf numFmtId="0" fontId="1" fillId="3" borderId="1" xfId="1" applyFont="1" applyFill="1" applyBorder="1" applyAlignment="1">
      <alignment vertical="center" wrapText="1"/>
    </xf>
    <xf numFmtId="0" fontId="7" fillId="3" borderId="1" xfId="1" applyFont="1" applyFill="1" applyBorder="1" applyAlignment="1">
      <alignment vertical="center"/>
    </xf>
    <xf numFmtId="17" fontId="2" fillId="0" borderId="0" xfId="0" applyNumberFormat="1" applyFont="1" applyAlignment="1">
      <alignment horizontal="left"/>
    </xf>
    <xf numFmtId="0" fontId="2" fillId="0" borderId="0" xfId="0" applyFont="1" applyAlignment="1">
      <alignment horizontal="center"/>
    </xf>
    <xf numFmtId="0" fontId="3" fillId="0" borderId="0" xfId="0" applyFont="1" applyAlignment="1">
      <alignment horizontal="center" vertical="center"/>
    </xf>
    <xf numFmtId="0" fontId="2" fillId="0" borderId="0" xfId="0" applyFont="1" applyAlignment="1">
      <alignment horizontal="center" wrapText="1"/>
    </xf>
  </cellXfs>
  <cellStyles count="2">
    <cellStyle name="Normal" xfId="0" builtinId="0"/>
    <cellStyle name="Normal 10" xfId="1" xr:uid="{8EAAF605-7852-4A11-9EBC-F17713A17628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drawings/_rels/drawing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svg"/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205740</xdr:colOff>
      <xdr:row>0</xdr:row>
      <xdr:rowOff>137160</xdr:rowOff>
    </xdr:from>
    <xdr:to>
      <xdr:col>0</xdr:col>
      <xdr:colOff>1866265</xdr:colOff>
      <xdr:row>3</xdr:row>
      <xdr:rowOff>18773</xdr:rowOff>
    </xdr:to>
    <xdr:pic>
      <xdr:nvPicPr>
        <xdr:cNvPr id="2" name="Graphic 1">
          <a:extLst>
            <a:ext uri="{FF2B5EF4-FFF2-40B4-BE49-F238E27FC236}">
              <a16:creationId xmlns:a16="http://schemas.microsoft.com/office/drawing/2014/main" id="{AB0D8CF5-5464-403B-A009-5ECAFEB7AF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  <a:ext uri="{96DAC541-7B7A-43D3-8B79-37D633B846F1}">
              <asvg:svgBlip xmlns:asvg="http://schemas.microsoft.com/office/drawing/2016/SVG/main" r:embed="rId2"/>
            </a:ext>
          </a:extLst>
        </a:blip>
        <a:stretch>
          <a:fillRect/>
        </a:stretch>
      </xdr:blipFill>
      <xdr:spPr>
        <a:xfrm>
          <a:off x="205740" y="137160"/>
          <a:ext cx="1660525" cy="719813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TGF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1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9440804-CFAB-4263-BDBE-FCB8918DE7C8}">
  <dimension ref="A1:D80"/>
  <sheetViews>
    <sheetView tabSelected="1" workbookViewId="0">
      <selection activeCell="C6" sqref="C6"/>
    </sheetView>
  </sheetViews>
  <sheetFormatPr defaultRowHeight="13.8" x14ac:dyDescent="0.25"/>
  <cols>
    <col min="1" max="1" width="39.296875" customWidth="1"/>
    <col min="2" max="2" width="68.5" customWidth="1"/>
    <col min="3" max="3" width="42.59765625" customWidth="1"/>
    <col min="4" max="4" width="42.796875" customWidth="1"/>
  </cols>
  <sheetData>
    <row r="1" spans="1:4" ht="38.4" x14ac:dyDescent="0.25">
      <c r="A1" s="27" t="s">
        <v>0</v>
      </c>
      <c r="B1" s="27"/>
      <c r="C1" s="27"/>
      <c r="D1" s="27"/>
    </row>
    <row r="5" spans="1:4" ht="17.399999999999999" x14ac:dyDescent="0.45">
      <c r="A5" s="1" t="s">
        <v>1</v>
      </c>
      <c r="B5" s="25">
        <v>46174</v>
      </c>
    </row>
    <row r="8" spans="1:4" x14ac:dyDescent="0.25">
      <c r="A8" s="26" t="s">
        <v>2</v>
      </c>
      <c r="B8" s="26"/>
      <c r="C8" s="28" t="s">
        <v>91</v>
      </c>
      <c r="D8" s="28"/>
    </row>
    <row r="11" spans="1:4" ht="17.399999999999999" x14ac:dyDescent="0.45">
      <c r="A11" s="2" t="s">
        <v>3</v>
      </c>
      <c r="B11" s="2" t="s">
        <v>4</v>
      </c>
      <c r="C11" s="2" t="s">
        <v>5</v>
      </c>
      <c r="D11" s="2" t="s">
        <v>6</v>
      </c>
    </row>
    <row r="12" spans="1:4" x14ac:dyDescent="0.25">
      <c r="A12" s="9" t="s">
        <v>7</v>
      </c>
      <c r="B12" s="10" t="s">
        <v>7</v>
      </c>
      <c r="C12" s="11" t="s">
        <v>75</v>
      </c>
      <c r="D12" s="11" t="s">
        <v>76</v>
      </c>
    </row>
    <row r="13" spans="1:4" x14ac:dyDescent="0.25">
      <c r="A13" s="12" t="s">
        <v>86</v>
      </c>
      <c r="B13" s="3" t="s">
        <v>8</v>
      </c>
      <c r="C13" s="13" t="s">
        <v>75</v>
      </c>
      <c r="D13" s="13" t="s">
        <v>76</v>
      </c>
    </row>
    <row r="14" spans="1:4" x14ac:dyDescent="0.25">
      <c r="A14" s="12" t="s">
        <v>86</v>
      </c>
      <c r="B14" s="4" t="s">
        <v>9</v>
      </c>
      <c r="C14" s="13" t="s">
        <v>75</v>
      </c>
      <c r="D14" s="13" t="s">
        <v>76</v>
      </c>
    </row>
    <row r="15" spans="1:4" ht="27.6" x14ac:dyDescent="0.25">
      <c r="A15" s="12" t="s">
        <v>86</v>
      </c>
      <c r="B15" s="4" t="s">
        <v>10</v>
      </c>
      <c r="C15" s="13" t="s">
        <v>77</v>
      </c>
      <c r="D15" s="13" t="s">
        <v>78</v>
      </c>
    </row>
    <row r="16" spans="1:4" x14ac:dyDescent="0.25">
      <c r="A16" s="12" t="s">
        <v>86</v>
      </c>
      <c r="B16" s="4" t="s">
        <v>11</v>
      </c>
      <c r="C16" s="13" t="s">
        <v>77</v>
      </c>
      <c r="D16" s="13" t="s">
        <v>78</v>
      </c>
    </row>
    <row r="17" spans="1:4" x14ac:dyDescent="0.25">
      <c r="A17" s="14" t="s">
        <v>12</v>
      </c>
      <c r="B17" s="15" t="s">
        <v>12</v>
      </c>
      <c r="C17" s="16" t="s">
        <v>77</v>
      </c>
      <c r="D17" s="16" t="s">
        <v>79</v>
      </c>
    </row>
    <row r="18" spans="1:4" x14ac:dyDescent="0.25">
      <c r="A18" s="17" t="s">
        <v>12</v>
      </c>
      <c r="B18" s="5" t="s">
        <v>13</v>
      </c>
      <c r="C18" s="17" t="s">
        <v>77</v>
      </c>
      <c r="D18" s="17" t="s">
        <v>80</v>
      </c>
    </row>
    <row r="19" spans="1:4" x14ac:dyDescent="0.25">
      <c r="A19" s="17" t="s">
        <v>12</v>
      </c>
      <c r="B19" s="5" t="s">
        <v>14</v>
      </c>
      <c r="C19" s="17" t="s">
        <v>77</v>
      </c>
      <c r="D19" s="17" t="s">
        <v>80</v>
      </c>
    </row>
    <row r="20" spans="1:4" x14ac:dyDescent="0.25">
      <c r="A20" s="17" t="s">
        <v>12</v>
      </c>
      <c r="B20" s="5" t="s">
        <v>15</v>
      </c>
      <c r="C20" s="17" t="s">
        <v>77</v>
      </c>
      <c r="D20" s="17" t="s">
        <v>79</v>
      </c>
    </row>
    <row r="21" spans="1:4" x14ac:dyDescent="0.25">
      <c r="A21" s="17" t="s">
        <v>12</v>
      </c>
      <c r="B21" s="5" t="s">
        <v>16</v>
      </c>
      <c r="C21" s="17" t="s">
        <v>77</v>
      </c>
      <c r="D21" s="17" t="s">
        <v>79</v>
      </c>
    </row>
    <row r="22" spans="1:4" x14ac:dyDescent="0.25">
      <c r="A22" s="17" t="s">
        <v>12</v>
      </c>
      <c r="B22" s="6" t="s">
        <v>17</v>
      </c>
      <c r="C22" s="17" t="s">
        <v>77</v>
      </c>
      <c r="D22" s="17" t="s">
        <v>79</v>
      </c>
    </row>
    <row r="23" spans="1:4" x14ac:dyDescent="0.25">
      <c r="A23" s="9" t="s">
        <v>87</v>
      </c>
      <c r="B23" s="18" t="s">
        <v>18</v>
      </c>
      <c r="C23" s="11" t="s">
        <v>77</v>
      </c>
      <c r="D23" s="11" t="s">
        <v>80</v>
      </c>
    </row>
    <row r="24" spans="1:4" x14ac:dyDescent="0.25">
      <c r="A24" s="12" t="s">
        <v>87</v>
      </c>
      <c r="B24" s="19" t="s">
        <v>19</v>
      </c>
      <c r="C24" s="13" t="s">
        <v>77</v>
      </c>
      <c r="D24" s="13" t="s">
        <v>80</v>
      </c>
    </row>
    <row r="25" spans="1:4" x14ac:dyDescent="0.25">
      <c r="A25" s="12" t="s">
        <v>87</v>
      </c>
      <c r="B25" s="20" t="s">
        <v>20</v>
      </c>
      <c r="C25" s="13" t="s">
        <v>75</v>
      </c>
      <c r="D25" s="13" t="s">
        <v>76</v>
      </c>
    </row>
    <row r="26" spans="1:4" x14ac:dyDescent="0.25">
      <c r="A26" s="12" t="s">
        <v>87</v>
      </c>
      <c r="B26" s="20" t="s">
        <v>21</v>
      </c>
      <c r="C26" s="13" t="s">
        <v>75</v>
      </c>
      <c r="D26" s="13" t="s">
        <v>81</v>
      </c>
    </row>
    <row r="27" spans="1:4" x14ac:dyDescent="0.25">
      <c r="A27" s="12" t="s">
        <v>87</v>
      </c>
      <c r="B27" s="19" t="s">
        <v>22</v>
      </c>
      <c r="C27" s="13" t="s">
        <v>77</v>
      </c>
      <c r="D27" s="13" t="s">
        <v>79</v>
      </c>
    </row>
    <row r="28" spans="1:4" ht="27.6" x14ac:dyDescent="0.25">
      <c r="A28" s="14" t="s">
        <v>23</v>
      </c>
      <c r="B28" s="21" t="s">
        <v>23</v>
      </c>
      <c r="C28" s="16" t="s">
        <v>82</v>
      </c>
      <c r="D28" s="16" t="s">
        <v>83</v>
      </c>
    </row>
    <row r="29" spans="1:4" ht="27.6" x14ac:dyDescent="0.25">
      <c r="A29" s="17" t="s">
        <v>23</v>
      </c>
      <c r="B29" s="22" t="s">
        <v>24</v>
      </c>
      <c r="C29" s="23" t="s">
        <v>82</v>
      </c>
      <c r="D29" s="23" t="s">
        <v>83</v>
      </c>
    </row>
    <row r="30" spans="1:4" ht="27.6" x14ac:dyDescent="0.25">
      <c r="A30" s="17" t="s">
        <v>23</v>
      </c>
      <c r="B30" s="22" t="s">
        <v>25</v>
      </c>
      <c r="C30" s="23" t="s">
        <v>82</v>
      </c>
      <c r="D30" s="23" t="s">
        <v>83</v>
      </c>
    </row>
    <row r="31" spans="1:4" ht="27.6" x14ac:dyDescent="0.25">
      <c r="A31" s="17" t="s">
        <v>23</v>
      </c>
      <c r="B31" s="22" t="s">
        <v>26</v>
      </c>
      <c r="C31" s="23" t="s">
        <v>82</v>
      </c>
      <c r="D31" s="23" t="s">
        <v>83</v>
      </c>
    </row>
    <row r="32" spans="1:4" ht="27.6" x14ac:dyDescent="0.25">
      <c r="A32" s="17" t="s">
        <v>23</v>
      </c>
      <c r="B32" s="22" t="s">
        <v>90</v>
      </c>
      <c r="C32" s="23" t="s">
        <v>82</v>
      </c>
      <c r="D32" s="23" t="s">
        <v>83</v>
      </c>
    </row>
    <row r="33" spans="1:4" ht="27.6" x14ac:dyDescent="0.25">
      <c r="A33" s="17" t="s">
        <v>23</v>
      </c>
      <c r="B33" s="24" t="s">
        <v>27</v>
      </c>
      <c r="C33" s="23" t="s">
        <v>82</v>
      </c>
      <c r="D33" s="23" t="s">
        <v>83</v>
      </c>
    </row>
    <row r="34" spans="1:4" ht="27.6" x14ac:dyDescent="0.25">
      <c r="A34" s="17" t="s">
        <v>23</v>
      </c>
      <c r="B34" s="24" t="s">
        <v>28</v>
      </c>
      <c r="C34" s="23" t="s">
        <v>82</v>
      </c>
      <c r="D34" s="23" t="s">
        <v>83</v>
      </c>
    </row>
    <row r="35" spans="1:4" ht="27.6" x14ac:dyDescent="0.25">
      <c r="A35" s="9" t="s">
        <v>88</v>
      </c>
      <c r="B35" s="18" t="s">
        <v>29</v>
      </c>
      <c r="C35" s="9" t="s">
        <v>82</v>
      </c>
      <c r="D35" s="11" t="s">
        <v>83</v>
      </c>
    </row>
    <row r="36" spans="1:4" ht="27.6" x14ac:dyDescent="0.25">
      <c r="A36" s="12" t="s">
        <v>88</v>
      </c>
      <c r="B36" s="19" t="s">
        <v>30</v>
      </c>
      <c r="C36" s="13" t="s">
        <v>82</v>
      </c>
      <c r="D36" s="13" t="s">
        <v>83</v>
      </c>
    </row>
    <row r="37" spans="1:4" ht="27.6" x14ac:dyDescent="0.25">
      <c r="A37" s="12" t="s">
        <v>88</v>
      </c>
      <c r="B37" s="19" t="s">
        <v>31</v>
      </c>
      <c r="C37" s="13" t="s">
        <v>82</v>
      </c>
      <c r="D37" s="13" t="s">
        <v>83</v>
      </c>
    </row>
    <row r="38" spans="1:4" ht="27.6" x14ac:dyDescent="0.25">
      <c r="A38" s="12" t="s">
        <v>88</v>
      </c>
      <c r="B38" s="19" t="s">
        <v>32</v>
      </c>
      <c r="C38" s="13" t="s">
        <v>82</v>
      </c>
      <c r="D38" s="13" t="s">
        <v>83</v>
      </c>
    </row>
    <row r="39" spans="1:4" ht="27.6" x14ac:dyDescent="0.25">
      <c r="A39" s="12" t="s">
        <v>88</v>
      </c>
      <c r="B39" s="19" t="s">
        <v>33</v>
      </c>
      <c r="C39" s="13" t="s">
        <v>82</v>
      </c>
      <c r="D39" s="13" t="s">
        <v>83</v>
      </c>
    </row>
    <row r="40" spans="1:4" ht="27.6" x14ac:dyDescent="0.25">
      <c r="A40" s="12" t="s">
        <v>88</v>
      </c>
      <c r="B40" s="19" t="s">
        <v>34</v>
      </c>
      <c r="C40" s="13" t="s">
        <v>82</v>
      </c>
      <c r="D40" s="13" t="s">
        <v>83</v>
      </c>
    </row>
    <row r="41" spans="1:4" ht="27.6" x14ac:dyDescent="0.25">
      <c r="A41" s="12" t="s">
        <v>88</v>
      </c>
      <c r="B41" s="19" t="s">
        <v>35</v>
      </c>
      <c r="C41" s="13" t="s">
        <v>82</v>
      </c>
      <c r="D41" s="13" t="s">
        <v>83</v>
      </c>
    </row>
    <row r="42" spans="1:4" ht="27.6" x14ac:dyDescent="0.25">
      <c r="A42" s="12" t="s">
        <v>88</v>
      </c>
      <c r="B42" s="19" t="s">
        <v>36</v>
      </c>
      <c r="C42" s="13" t="s">
        <v>82</v>
      </c>
      <c r="D42" s="13" t="s">
        <v>83</v>
      </c>
    </row>
    <row r="43" spans="1:4" ht="27.6" x14ac:dyDescent="0.25">
      <c r="A43" s="12" t="s">
        <v>88</v>
      </c>
      <c r="B43" s="19" t="s">
        <v>37</v>
      </c>
      <c r="C43" s="13" t="s">
        <v>82</v>
      </c>
      <c r="D43" s="13" t="s">
        <v>83</v>
      </c>
    </row>
    <row r="44" spans="1:4" ht="27.6" x14ac:dyDescent="0.25">
      <c r="A44" s="12" t="s">
        <v>88</v>
      </c>
      <c r="B44" s="19" t="s">
        <v>38</v>
      </c>
      <c r="C44" s="13" t="s">
        <v>82</v>
      </c>
      <c r="D44" s="13" t="s">
        <v>83</v>
      </c>
    </row>
    <row r="45" spans="1:4" ht="27.6" x14ac:dyDescent="0.25">
      <c r="A45" s="12" t="s">
        <v>88</v>
      </c>
      <c r="B45" s="19" t="s">
        <v>39</v>
      </c>
      <c r="C45" s="13" t="s">
        <v>82</v>
      </c>
      <c r="D45" s="13" t="s">
        <v>83</v>
      </c>
    </row>
    <row r="46" spans="1:4" ht="27.6" x14ac:dyDescent="0.25">
      <c r="A46" s="12" t="s">
        <v>88</v>
      </c>
      <c r="B46" s="19" t="s">
        <v>40</v>
      </c>
      <c r="C46" s="13" t="s">
        <v>82</v>
      </c>
      <c r="D46" s="13" t="s">
        <v>83</v>
      </c>
    </row>
    <row r="47" spans="1:4" ht="27.6" x14ac:dyDescent="0.25">
      <c r="A47" s="12" t="s">
        <v>88</v>
      </c>
      <c r="B47" s="19" t="s">
        <v>41</v>
      </c>
      <c r="C47" s="13" t="s">
        <v>82</v>
      </c>
      <c r="D47" s="13" t="s">
        <v>83</v>
      </c>
    </row>
    <row r="48" spans="1:4" ht="27.6" x14ac:dyDescent="0.25">
      <c r="A48" s="14" t="s">
        <v>42</v>
      </c>
      <c r="B48" s="21" t="s">
        <v>42</v>
      </c>
      <c r="C48" s="16" t="s">
        <v>82</v>
      </c>
      <c r="D48" s="16" t="s">
        <v>84</v>
      </c>
    </row>
    <row r="49" spans="1:4" ht="27.6" x14ac:dyDescent="0.25">
      <c r="A49" s="17" t="s">
        <v>42</v>
      </c>
      <c r="B49" s="24" t="s">
        <v>43</v>
      </c>
      <c r="C49" s="23" t="s">
        <v>82</v>
      </c>
      <c r="D49" s="23" t="s">
        <v>84</v>
      </c>
    </row>
    <row r="50" spans="1:4" ht="27.6" x14ac:dyDescent="0.25">
      <c r="A50" s="17" t="s">
        <v>42</v>
      </c>
      <c r="B50" s="24" t="s">
        <v>44</v>
      </c>
      <c r="C50" s="23" t="s">
        <v>82</v>
      </c>
      <c r="D50" s="23" t="s">
        <v>84</v>
      </c>
    </row>
    <row r="51" spans="1:4" ht="27.6" x14ac:dyDescent="0.25">
      <c r="A51" s="17" t="s">
        <v>42</v>
      </c>
      <c r="B51" s="24" t="s">
        <v>45</v>
      </c>
      <c r="C51" s="23" t="s">
        <v>82</v>
      </c>
      <c r="D51" s="23" t="s">
        <v>84</v>
      </c>
    </row>
    <row r="52" spans="1:4" ht="27.6" x14ac:dyDescent="0.25">
      <c r="A52" s="9" t="s">
        <v>46</v>
      </c>
      <c r="B52" s="10" t="s">
        <v>46</v>
      </c>
      <c r="C52" s="9" t="s">
        <v>82</v>
      </c>
      <c r="D52" s="11" t="s">
        <v>83</v>
      </c>
    </row>
    <row r="53" spans="1:4" ht="27.6" x14ac:dyDescent="0.25">
      <c r="A53" s="12" t="s">
        <v>46</v>
      </c>
      <c r="B53" s="20" t="s">
        <v>47</v>
      </c>
      <c r="C53" s="12" t="s">
        <v>82</v>
      </c>
      <c r="D53" s="13" t="s">
        <v>83</v>
      </c>
    </row>
    <row r="54" spans="1:4" ht="27.6" x14ac:dyDescent="0.25">
      <c r="A54" s="12" t="s">
        <v>46</v>
      </c>
      <c r="B54" s="20" t="s">
        <v>48</v>
      </c>
      <c r="C54" s="13" t="s">
        <v>82</v>
      </c>
      <c r="D54" s="13" t="s">
        <v>83</v>
      </c>
    </row>
    <row r="55" spans="1:4" ht="27.6" x14ac:dyDescent="0.25">
      <c r="A55" s="12" t="s">
        <v>46</v>
      </c>
      <c r="B55" s="20" t="s">
        <v>49</v>
      </c>
      <c r="C55" s="12" t="s">
        <v>82</v>
      </c>
      <c r="D55" s="13" t="s">
        <v>83</v>
      </c>
    </row>
    <row r="56" spans="1:4" ht="27.6" x14ac:dyDescent="0.25">
      <c r="A56" s="12" t="s">
        <v>46</v>
      </c>
      <c r="B56" s="20" t="s">
        <v>50</v>
      </c>
      <c r="C56" s="12" t="s">
        <v>82</v>
      </c>
      <c r="D56" s="13" t="s">
        <v>83</v>
      </c>
    </row>
    <row r="57" spans="1:4" ht="27.6" x14ac:dyDescent="0.25">
      <c r="A57" s="12" t="s">
        <v>46</v>
      </c>
      <c r="B57" s="20" t="s">
        <v>51</v>
      </c>
      <c r="C57" s="12" t="s">
        <v>82</v>
      </c>
      <c r="D57" s="13" t="s">
        <v>83</v>
      </c>
    </row>
    <row r="58" spans="1:4" ht="27.6" x14ac:dyDescent="0.25">
      <c r="A58" s="12" t="s">
        <v>46</v>
      </c>
      <c r="B58" s="20" t="s">
        <v>52</v>
      </c>
      <c r="C58" s="12" t="s">
        <v>82</v>
      </c>
      <c r="D58" s="13" t="s">
        <v>83</v>
      </c>
    </row>
    <row r="59" spans="1:4" ht="27.6" x14ac:dyDescent="0.25">
      <c r="A59" s="12" t="s">
        <v>46</v>
      </c>
      <c r="B59" s="20" t="s">
        <v>53</v>
      </c>
      <c r="C59" s="12" t="s">
        <v>82</v>
      </c>
      <c r="D59" s="13" t="s">
        <v>83</v>
      </c>
    </row>
    <row r="60" spans="1:4" x14ac:dyDescent="0.25">
      <c r="A60" s="14" t="s">
        <v>54</v>
      </c>
      <c r="B60" s="21" t="s">
        <v>54</v>
      </c>
      <c r="C60" s="16" t="s">
        <v>75</v>
      </c>
      <c r="D60" s="16" t="s">
        <v>85</v>
      </c>
    </row>
    <row r="61" spans="1:4" x14ac:dyDescent="0.25">
      <c r="A61" s="17" t="s">
        <v>54</v>
      </c>
      <c r="B61" s="22" t="s">
        <v>55</v>
      </c>
      <c r="C61" s="23" t="s">
        <v>75</v>
      </c>
      <c r="D61" s="23" t="s">
        <v>85</v>
      </c>
    </row>
    <row r="62" spans="1:4" x14ac:dyDescent="0.25">
      <c r="A62" s="17" t="s">
        <v>54</v>
      </c>
      <c r="B62" s="22" t="s">
        <v>56</v>
      </c>
      <c r="C62" s="23" t="s">
        <v>75</v>
      </c>
      <c r="D62" s="23" t="s">
        <v>85</v>
      </c>
    </row>
    <row r="63" spans="1:4" x14ac:dyDescent="0.25">
      <c r="A63" s="9" t="s">
        <v>89</v>
      </c>
      <c r="B63" s="10" t="s">
        <v>57</v>
      </c>
      <c r="C63" s="9" t="s">
        <v>75</v>
      </c>
      <c r="D63" s="11" t="s">
        <v>85</v>
      </c>
    </row>
    <row r="64" spans="1:4" x14ac:dyDescent="0.25">
      <c r="A64" s="12" t="s">
        <v>89</v>
      </c>
      <c r="B64" s="20" t="s">
        <v>58</v>
      </c>
      <c r="C64" s="12" t="s">
        <v>75</v>
      </c>
      <c r="D64" s="13" t="s">
        <v>85</v>
      </c>
    </row>
    <row r="65" spans="1:4" x14ac:dyDescent="0.25">
      <c r="A65" s="12" t="s">
        <v>89</v>
      </c>
      <c r="B65" s="20" t="s">
        <v>59</v>
      </c>
      <c r="C65" s="12" t="s">
        <v>75</v>
      </c>
      <c r="D65" s="13" t="s">
        <v>85</v>
      </c>
    </row>
    <row r="66" spans="1:4" x14ac:dyDescent="0.25">
      <c r="A66" s="12" t="s">
        <v>89</v>
      </c>
      <c r="B66" s="20" t="s">
        <v>60</v>
      </c>
      <c r="C66" s="12" t="s">
        <v>75</v>
      </c>
      <c r="D66" s="13" t="s">
        <v>85</v>
      </c>
    </row>
    <row r="67" spans="1:4" x14ac:dyDescent="0.25">
      <c r="A67" s="12" t="s">
        <v>89</v>
      </c>
      <c r="B67" s="20" t="s">
        <v>61</v>
      </c>
      <c r="C67" s="12" t="s">
        <v>75</v>
      </c>
      <c r="D67" s="13" t="s">
        <v>85</v>
      </c>
    </row>
    <row r="68" spans="1:4" ht="27.6" x14ac:dyDescent="0.25">
      <c r="A68" s="14" t="s">
        <v>62</v>
      </c>
      <c r="B68" s="21" t="s">
        <v>62</v>
      </c>
      <c r="C68" s="16" t="s">
        <v>77</v>
      </c>
      <c r="D68" s="16" t="s">
        <v>79</v>
      </c>
    </row>
    <row r="69" spans="1:4" x14ac:dyDescent="0.25">
      <c r="A69" s="9" t="s">
        <v>63</v>
      </c>
      <c r="B69" s="10" t="s">
        <v>63</v>
      </c>
      <c r="C69" s="9" t="s">
        <v>75</v>
      </c>
      <c r="D69" s="11" t="s">
        <v>81</v>
      </c>
    </row>
    <row r="70" spans="1:4" x14ac:dyDescent="0.25">
      <c r="A70" s="12" t="s">
        <v>63</v>
      </c>
      <c r="B70" s="20" t="s">
        <v>64</v>
      </c>
      <c r="C70" s="12" t="s">
        <v>75</v>
      </c>
      <c r="D70" s="13" t="s">
        <v>81</v>
      </c>
    </row>
    <row r="71" spans="1:4" x14ac:dyDescent="0.25">
      <c r="A71" s="12" t="s">
        <v>63</v>
      </c>
      <c r="B71" s="20" t="s">
        <v>65</v>
      </c>
      <c r="C71" s="12" t="s">
        <v>75</v>
      </c>
      <c r="D71" s="13" t="s">
        <v>81</v>
      </c>
    </row>
    <row r="72" spans="1:4" ht="27.6" x14ac:dyDescent="0.25">
      <c r="A72" s="14" t="s">
        <v>66</v>
      </c>
      <c r="B72" s="21" t="s">
        <v>66</v>
      </c>
      <c r="C72" s="16" t="s">
        <v>77</v>
      </c>
      <c r="D72" s="16" t="s">
        <v>79</v>
      </c>
    </row>
    <row r="73" spans="1:4" ht="27.6" x14ac:dyDescent="0.25">
      <c r="A73" s="17" t="s">
        <v>66</v>
      </c>
      <c r="B73" s="22" t="s">
        <v>67</v>
      </c>
      <c r="C73" s="23" t="s">
        <v>77</v>
      </c>
      <c r="D73" s="23" t="s">
        <v>79</v>
      </c>
    </row>
    <row r="74" spans="1:4" ht="27.6" x14ac:dyDescent="0.25">
      <c r="A74" s="17" t="s">
        <v>66</v>
      </c>
      <c r="B74" s="23" t="s">
        <v>68</v>
      </c>
      <c r="C74" s="23" t="s">
        <v>77</v>
      </c>
      <c r="D74" s="23" t="s">
        <v>79</v>
      </c>
    </row>
    <row r="75" spans="1:4" x14ac:dyDescent="0.25">
      <c r="A75" s="9" t="s">
        <v>69</v>
      </c>
      <c r="B75" s="7" t="s">
        <v>69</v>
      </c>
      <c r="C75" s="11" t="s">
        <v>77</v>
      </c>
      <c r="D75" s="11" t="s">
        <v>79</v>
      </c>
    </row>
    <row r="76" spans="1:4" x14ac:dyDescent="0.25">
      <c r="A76" s="12" t="s">
        <v>69</v>
      </c>
      <c r="B76" s="8" t="s">
        <v>70</v>
      </c>
      <c r="C76" s="13" t="s">
        <v>77</v>
      </c>
      <c r="D76" s="13" t="s">
        <v>79</v>
      </c>
    </row>
    <row r="77" spans="1:4" x14ac:dyDescent="0.25">
      <c r="A77" s="12" t="s">
        <v>69</v>
      </c>
      <c r="B77" s="8" t="s">
        <v>71</v>
      </c>
      <c r="C77" s="13" t="s">
        <v>77</v>
      </c>
      <c r="D77" s="13" t="s">
        <v>79</v>
      </c>
    </row>
    <row r="78" spans="1:4" x14ac:dyDescent="0.25">
      <c r="A78" s="12" t="s">
        <v>69</v>
      </c>
      <c r="B78" s="20" t="s">
        <v>72</v>
      </c>
      <c r="C78" s="13" t="s">
        <v>77</v>
      </c>
      <c r="D78" s="13" t="s">
        <v>78</v>
      </c>
    </row>
    <row r="79" spans="1:4" ht="27.6" x14ac:dyDescent="0.25">
      <c r="A79" s="12" t="s">
        <v>69</v>
      </c>
      <c r="B79" s="13" t="s">
        <v>73</v>
      </c>
      <c r="C79" s="13" t="s">
        <v>77</v>
      </c>
      <c r="D79" s="13" t="s">
        <v>78</v>
      </c>
    </row>
    <row r="80" spans="1:4" x14ac:dyDescent="0.25">
      <c r="A80" s="12" t="s">
        <v>69</v>
      </c>
      <c r="B80" s="13" t="s">
        <v>74</v>
      </c>
      <c r="C80" s="13" t="s">
        <v>77</v>
      </c>
      <c r="D80" s="13" t="s">
        <v>78</v>
      </c>
    </row>
  </sheetData>
  <autoFilter ref="A11:D80" xr:uid="{09440804-CFAB-4263-BDBE-FCB8918DE7C8}"/>
  <mergeCells count="3">
    <mergeCell ref="A8:B8"/>
    <mergeCell ref="A1:D1"/>
    <mergeCell ref="C8:D8"/>
  </mergeCells>
  <pageMargins left="0.7" right="0.7" top="0.75" bottom="0.75" header="0.3" footer="0.3"/>
  <drawing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B7C8D3A-20D1-4CAB-80C1-5FA569835925}">
  <ds:schemaRefs/>
</ds:datastoreItem>
</file>

<file path=customXml/itemProps2.xml><?xml version="1.0" encoding="utf-8"?>
<ds:datastoreItem xmlns:ds="http://schemas.openxmlformats.org/officeDocument/2006/customXml" ds:itemID="{108EA176-2076-4BC4-8EB2-8797433B1A1C}">
  <ds:schemaRefs/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2026-01-28T08:31:39Z</dcterms:created>
  <dcterms:modified xsi:type="dcterms:W3CDTF">2026-06-24T16:01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heglobalfund</vt:lpwstr>
  </property>
  <property fmtid="{D5CDD505-2E9C-101B-9397-08002B2CF9AE}" pid="3" name="TemplafyTemplateId">
    <vt:lpwstr>773649471596658702</vt:lpwstr>
  </property>
  <property fmtid="{D5CDD505-2E9C-101B-9397-08002B2CF9AE}" pid="4" name="TemplafyUserProfileId">
    <vt:lpwstr>709319552982583089</vt:lpwstr>
  </property>
  <property fmtid="{D5CDD505-2E9C-101B-9397-08002B2CF9AE}" pid="5" name="TemplafyFromBlank">
    <vt:bool>true</vt:bool>
  </property>
</Properties>
</file>